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5.1.1\08-1_ホームページ（速報）\01_様式・ツール\"/>
    </mc:Choice>
  </mc:AlternateContent>
  <bookViews>
    <workbookView xWindow="0" yWindow="1656" windowWidth="28776" windowHeight="7908"/>
  </bookViews>
  <sheets>
    <sheet name="Sheet1" sheetId="1" r:id="rId1"/>
  </sheets>
  <definedNames>
    <definedName name="_xlnm.Print_Area" localSheetId="0">Sheet1!$A$1:$O$6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75">
  <si>
    <t>　　　区分</t>
  </si>
  <si>
    <t xml:space="preserve"> 団体コード</t>
  </si>
  <si>
    <t>団体名</t>
  </si>
  <si>
    <t>横浜市</t>
  </si>
  <si>
    <t>鶴見区</t>
  </si>
  <si>
    <t>神奈川区</t>
  </si>
  <si>
    <t>西区</t>
  </si>
  <si>
    <t>中区</t>
  </si>
  <si>
    <t>南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人　　口　　(人)</t>
    <rPh sb="0" eb="1">
      <t>ヒト</t>
    </rPh>
    <rPh sb="3" eb="4">
      <t>クチ</t>
    </rPh>
    <rPh sb="7" eb="8">
      <t>ニン</t>
    </rPh>
    <phoneticPr fontId="3"/>
  </si>
  <si>
    <t>世　　帯　　数</t>
    <rPh sb="0" eb="1">
      <t>ヨ</t>
    </rPh>
    <rPh sb="3" eb="4">
      <t>オビ</t>
    </rPh>
    <rPh sb="6" eb="7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合計</t>
    <rPh sb="0" eb="2">
      <t>ゴウケイ</t>
    </rPh>
    <phoneticPr fontId="3"/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計</t>
    <rPh sb="0" eb="1">
      <t>ケイ</t>
    </rPh>
    <phoneticPr fontId="3"/>
  </si>
  <si>
    <t>複数国籍</t>
    <rPh sb="0" eb="2">
      <t>フクスウ</t>
    </rPh>
    <rPh sb="2" eb="4">
      <t>コクセキ</t>
    </rPh>
    <phoneticPr fontId="3"/>
  </si>
  <si>
    <t>神奈川県計</t>
    <phoneticPr fontId="4"/>
  </si>
  <si>
    <t xml:space="preserve"> 計</t>
    <rPh sb="1" eb="2">
      <t>ケイ</t>
    </rPh>
    <phoneticPr fontId="3"/>
  </si>
  <si>
    <t>保土ケ谷区</t>
    <phoneticPr fontId="2"/>
  </si>
  <si>
    <t>注）「複数国籍世帯」とは、日本人住民と外国人住民の混合世帯のことをいう。</t>
    <rPh sb="0" eb="1">
      <t>チュウ</t>
    </rPh>
    <rPh sb="3" eb="5">
      <t>フクスウ</t>
    </rPh>
    <rPh sb="5" eb="7">
      <t>コクセキ</t>
    </rPh>
    <rPh sb="7" eb="9">
      <t>セタイ</t>
    </rPh>
    <rPh sb="13" eb="16">
      <t>ニホンジン</t>
    </rPh>
    <rPh sb="16" eb="18">
      <t>ジュウミン</t>
    </rPh>
    <rPh sb="19" eb="21">
      <t>ガイコク</t>
    </rPh>
    <rPh sb="21" eb="22">
      <t>ジン</t>
    </rPh>
    <rPh sb="22" eb="24">
      <t>ジュウミン</t>
    </rPh>
    <rPh sb="25" eb="27">
      <t>コンゴウ</t>
    </rPh>
    <rPh sb="27" eb="29">
      <t>セタイ</t>
    </rPh>
    <phoneticPr fontId="2"/>
  </si>
  <si>
    <t>市町村別人口､世帯数(2023(令和５)年１月１日現在)</t>
    <rPh sb="16" eb="18">
      <t>レイ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8"/>
      </right>
      <top style="thin">
        <color indexed="8"/>
      </top>
      <bottom/>
      <diagonal/>
    </border>
    <border>
      <left style="medium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8"/>
      </right>
      <top/>
      <bottom style="double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/>
      <right style="dotted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/>
      <right style="dotted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/>
      <right style="dotted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/>
      <right style="thin">
        <color indexed="8"/>
      </right>
      <top/>
      <bottom style="hair">
        <color indexed="8"/>
      </bottom>
      <diagonal/>
    </border>
    <border>
      <left style="medium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dotted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/>
      <top style="hair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medium">
        <color indexed="8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/>
      <diagonal/>
    </border>
    <border>
      <left style="thin">
        <color indexed="8"/>
      </left>
      <right style="medium">
        <color indexed="8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</cellStyleXfs>
  <cellXfs count="74">
    <xf numFmtId="0" fontId="0" fillId="0" borderId="0" xfId="0">
      <alignment vertical="center"/>
    </xf>
    <xf numFmtId="0" fontId="6" fillId="0" borderId="0" xfId="0" applyFont="1" applyFill="1" applyAlignment="1" applyProtection="1">
      <alignment vertical="center"/>
    </xf>
    <xf numFmtId="0" fontId="7" fillId="0" borderId="0" xfId="0" applyFont="1" applyFill="1" applyAlignment="1" applyProtection="1">
      <alignment vertical="center"/>
    </xf>
    <xf numFmtId="0" fontId="7" fillId="0" borderId="0" xfId="0" applyFont="1" applyAlignment="1">
      <alignment vertical="center"/>
    </xf>
    <xf numFmtId="0" fontId="7" fillId="0" borderId="0" xfId="0" applyNumberFormat="1" applyFont="1" applyFill="1" applyBorder="1" applyAlignment="1" applyProtection="1">
      <alignment vertical="center"/>
    </xf>
    <xf numFmtId="0" fontId="7" fillId="0" borderId="0" xfId="0" applyFont="1" applyFill="1" applyBorder="1" applyAlignment="1" applyProtection="1">
      <alignment horizontal="center" vertical="center"/>
    </xf>
    <xf numFmtId="0" fontId="7" fillId="0" borderId="1" xfId="0" applyFont="1" applyFill="1" applyBorder="1" applyAlignment="1" applyProtection="1">
      <alignment horizontal="right" vertical="center"/>
    </xf>
    <xf numFmtId="0" fontId="7" fillId="0" borderId="2" xfId="0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/>
    </xf>
    <xf numFmtId="0" fontId="7" fillId="0" borderId="14" xfId="0" applyFont="1" applyFill="1" applyBorder="1" applyAlignment="1" applyProtection="1">
      <alignment horizontal="center" vertical="center"/>
    </xf>
    <xf numFmtId="0" fontId="7" fillId="0" borderId="15" xfId="0" applyFont="1" applyFill="1" applyBorder="1" applyAlignment="1" applyProtection="1">
      <alignment horizontal="center" vertical="center"/>
    </xf>
    <xf numFmtId="0" fontId="7" fillId="0" borderId="16" xfId="0" applyFont="1" applyFill="1" applyBorder="1" applyAlignment="1" applyProtection="1">
      <alignment vertical="center"/>
    </xf>
    <xf numFmtId="0" fontId="7" fillId="0" borderId="17" xfId="0" applyFont="1" applyBorder="1" applyAlignment="1" applyProtection="1">
      <alignment horizontal="center" vertical="center"/>
    </xf>
    <xf numFmtId="0" fontId="7" fillId="0" borderId="18" xfId="0" applyFont="1" applyBorder="1" applyAlignment="1" applyProtection="1">
      <alignment horizontal="center" vertical="center"/>
    </xf>
    <xf numFmtId="0" fontId="7" fillId="0" borderId="19" xfId="0" applyFont="1" applyFill="1" applyBorder="1" applyAlignment="1" applyProtection="1">
      <alignment horizontal="center" vertical="center"/>
    </xf>
    <xf numFmtId="0" fontId="7" fillId="0" borderId="20" xfId="0" applyFont="1" applyFill="1" applyBorder="1" applyAlignment="1" applyProtection="1">
      <alignment horizontal="center" vertical="center"/>
    </xf>
    <xf numFmtId="0" fontId="7" fillId="0" borderId="21" xfId="0" applyFont="1" applyFill="1" applyBorder="1" applyAlignment="1" applyProtection="1">
      <alignment horizontal="center" vertical="center"/>
    </xf>
    <xf numFmtId="0" fontId="7" fillId="0" borderId="22" xfId="0" applyFont="1" applyBorder="1" applyAlignment="1" applyProtection="1">
      <alignment horizontal="left" vertical="center"/>
    </xf>
    <xf numFmtId="0" fontId="7" fillId="0" borderId="23" xfId="0" applyFont="1" applyBorder="1" applyAlignment="1" applyProtection="1">
      <alignment horizontal="center" vertical="center"/>
    </xf>
    <xf numFmtId="38" fontId="7" fillId="0" borderId="24" xfId="1" applyFont="1" applyFill="1" applyBorder="1" applyAlignment="1" applyProtection="1">
      <alignment vertical="center"/>
    </xf>
    <xf numFmtId="38" fontId="7" fillId="0" borderId="11" xfId="1" applyFont="1" applyFill="1" applyBorder="1" applyAlignment="1" applyProtection="1">
      <alignment vertical="center"/>
    </xf>
    <xf numFmtId="38" fontId="7" fillId="0" borderId="10" xfId="1" applyFont="1" applyFill="1" applyBorder="1" applyAlignment="1" applyProtection="1">
      <alignment vertical="center"/>
    </xf>
    <xf numFmtId="38" fontId="7" fillId="0" borderId="46" xfId="1" applyFont="1" applyFill="1" applyBorder="1" applyAlignment="1" applyProtection="1">
      <alignment vertical="center"/>
    </xf>
    <xf numFmtId="0" fontId="7" fillId="0" borderId="25" xfId="0" applyFont="1" applyBorder="1" applyAlignment="1" applyProtection="1">
      <alignment horizontal="left" vertical="center"/>
    </xf>
    <xf numFmtId="0" fontId="7" fillId="0" borderId="26" xfId="0" applyFont="1" applyBorder="1" applyAlignment="1" applyProtection="1">
      <alignment horizontal="center" vertical="center"/>
    </xf>
    <xf numFmtId="38" fontId="7" fillId="0" borderId="27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vertical="center"/>
    </xf>
    <xf numFmtId="38" fontId="7" fillId="0" borderId="29" xfId="1" applyFont="1" applyFill="1" applyBorder="1" applyAlignment="1" applyProtection="1">
      <alignment vertical="center"/>
    </xf>
    <xf numFmtId="38" fontId="7" fillId="0" borderId="47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right" vertical="center"/>
    </xf>
    <xf numFmtId="0" fontId="7" fillId="0" borderId="31" xfId="0" applyFont="1" applyBorder="1" applyAlignment="1" applyProtection="1">
      <alignment horizontal="center" vertical="center"/>
    </xf>
    <xf numFmtId="38" fontId="7" fillId="0" borderId="33" xfId="2" applyFont="1" applyFill="1" applyBorder="1" applyAlignment="1" applyProtection="1">
      <alignment vertical="center"/>
      <protection locked="0"/>
    </xf>
    <xf numFmtId="38" fontId="7" fillId="0" borderId="34" xfId="2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>
      <alignment vertical="center"/>
    </xf>
    <xf numFmtId="38" fontId="7" fillId="0" borderId="34" xfId="1" applyFont="1" applyFill="1" applyBorder="1" applyAlignment="1" applyProtection="1">
      <alignment vertical="center"/>
    </xf>
    <xf numFmtId="38" fontId="7" fillId="0" borderId="32" xfId="1" applyFont="1" applyFill="1" applyBorder="1" applyAlignment="1" applyProtection="1">
      <alignment vertical="center"/>
    </xf>
    <xf numFmtId="38" fontId="7" fillId="0" borderId="32" xfId="2" applyFont="1" applyFill="1" applyBorder="1" applyAlignment="1" applyProtection="1">
      <alignment vertical="center"/>
      <protection locked="0"/>
    </xf>
    <xf numFmtId="38" fontId="7" fillId="0" borderId="36" xfId="1" applyFont="1" applyFill="1" applyBorder="1" applyAlignment="1" applyProtection="1">
      <alignment vertical="center"/>
    </xf>
    <xf numFmtId="0" fontId="7" fillId="0" borderId="30" xfId="0" applyFont="1" applyBorder="1" applyAlignment="1" applyProtection="1">
      <alignment horizontal="left" vertical="center"/>
    </xf>
    <xf numFmtId="38" fontId="7" fillId="0" borderId="33" xfId="1" applyFont="1" applyFill="1" applyBorder="1" applyAlignment="1" applyProtection="1">
      <alignment vertical="center"/>
    </xf>
    <xf numFmtId="38" fontId="7" fillId="0" borderId="48" xfId="1" applyFont="1" applyFill="1" applyBorder="1" applyAlignment="1" applyProtection="1">
      <alignment vertical="center"/>
    </xf>
    <xf numFmtId="38" fontId="7" fillId="0" borderId="35" xfId="2" applyFont="1" applyFill="1" applyBorder="1" applyAlignment="1" applyProtection="1">
      <alignment vertical="center"/>
      <protection locked="0"/>
    </xf>
    <xf numFmtId="38" fontId="7" fillId="0" borderId="37" xfId="2" applyFont="1" applyFill="1" applyBorder="1" applyAlignment="1" applyProtection="1">
      <alignment vertical="center"/>
      <protection locked="0"/>
    </xf>
    <xf numFmtId="38" fontId="7" fillId="0" borderId="38" xfId="2" applyFont="1" applyFill="1" applyBorder="1" applyAlignment="1" applyProtection="1">
      <alignment vertical="center"/>
      <protection locked="0"/>
    </xf>
    <xf numFmtId="38" fontId="7" fillId="0" borderId="38" xfId="1" applyFont="1" applyFill="1" applyBorder="1" applyAlignment="1">
      <alignment vertical="center"/>
    </xf>
    <xf numFmtId="38" fontId="7" fillId="0" borderId="38" xfId="1" applyFont="1" applyFill="1" applyBorder="1" applyAlignment="1" applyProtection="1">
      <alignment vertical="center"/>
    </xf>
    <xf numFmtId="38" fontId="7" fillId="0" borderId="39" xfId="2" applyFont="1" applyFill="1" applyBorder="1" applyAlignment="1" applyProtection="1">
      <alignment vertical="center"/>
      <protection locked="0"/>
    </xf>
    <xf numFmtId="38" fontId="7" fillId="0" borderId="49" xfId="1" applyFont="1" applyFill="1" applyBorder="1" applyAlignment="1" applyProtection="1">
      <alignment vertical="center"/>
    </xf>
    <xf numFmtId="38" fontId="7" fillId="0" borderId="33" xfId="1" applyFont="1" applyFill="1" applyBorder="1" applyAlignment="1" applyProtection="1">
      <alignment vertical="center"/>
      <protection locked="0"/>
    </xf>
    <xf numFmtId="38" fontId="7" fillId="0" borderId="34" xfId="1" applyFont="1" applyFill="1" applyBorder="1" applyAlignment="1" applyProtection="1">
      <alignment vertical="center"/>
      <protection locked="0"/>
    </xf>
    <xf numFmtId="38" fontId="7" fillId="0" borderId="32" xfId="1" applyFont="1" applyFill="1" applyBorder="1" applyAlignment="1" applyProtection="1">
      <alignment vertical="center"/>
      <protection locked="0"/>
    </xf>
    <xf numFmtId="0" fontId="7" fillId="0" borderId="40" xfId="0" applyFont="1" applyBorder="1" applyAlignment="1" applyProtection="1">
      <alignment horizontal="left" vertical="center"/>
    </xf>
    <xf numFmtId="0" fontId="7" fillId="0" borderId="41" xfId="0" applyFont="1" applyBorder="1" applyAlignment="1" applyProtection="1">
      <alignment horizontal="center" vertical="center"/>
    </xf>
    <xf numFmtId="38" fontId="7" fillId="0" borderId="43" xfId="2" applyFont="1" applyFill="1" applyBorder="1" applyAlignment="1" applyProtection="1">
      <alignment vertical="center"/>
      <protection locked="0"/>
    </xf>
    <xf numFmtId="38" fontId="7" fillId="0" borderId="44" xfId="2" applyFont="1" applyFill="1" applyBorder="1" applyAlignment="1" applyProtection="1">
      <alignment vertical="center"/>
      <protection locked="0"/>
    </xf>
    <xf numFmtId="38" fontId="7" fillId="0" borderId="44" xfId="1" applyFont="1" applyFill="1" applyBorder="1" applyAlignment="1">
      <alignment vertical="center"/>
    </xf>
    <xf numFmtId="38" fontId="7" fillId="0" borderId="44" xfId="1" applyFont="1" applyFill="1" applyBorder="1" applyAlignment="1" applyProtection="1">
      <alignment vertical="center"/>
    </xf>
    <xf numFmtId="38" fontId="7" fillId="0" borderId="42" xfId="1" applyFont="1" applyFill="1" applyBorder="1" applyAlignment="1" applyProtection="1">
      <alignment vertical="center"/>
    </xf>
    <xf numFmtId="38" fontId="7" fillId="0" borderId="42" xfId="2" applyFont="1" applyFill="1" applyBorder="1" applyAlignment="1" applyProtection="1">
      <alignment vertical="center"/>
      <protection locked="0"/>
    </xf>
    <xf numFmtId="38" fontId="7" fillId="0" borderId="45" xfId="1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vertical="center" wrapText="1"/>
    </xf>
    <xf numFmtId="0" fontId="0" fillId="0" borderId="16" xfId="0" applyFont="1" applyBorder="1" applyAlignment="1">
      <alignment vertical="center" wrapText="1"/>
    </xf>
    <xf numFmtId="0" fontId="7" fillId="0" borderId="3" xfId="0" applyFont="1" applyFill="1" applyBorder="1" applyAlignment="1" applyProtection="1">
      <alignment horizontal="center" vertical="center"/>
    </xf>
    <xf numFmtId="0" fontId="7" fillId="0" borderId="4" xfId="0" applyFont="1" applyFill="1" applyBorder="1" applyAlignment="1" applyProtection="1">
      <alignment horizontal="center" vertical="center"/>
    </xf>
    <xf numFmtId="0" fontId="7" fillId="0" borderId="5" xfId="0" applyFont="1" applyFill="1" applyBorder="1" applyAlignment="1" applyProtection="1">
      <alignment horizontal="center" vertical="center"/>
    </xf>
    <xf numFmtId="0" fontId="7" fillId="0" borderId="6" xfId="0" applyFont="1" applyFill="1" applyBorder="1" applyAlignment="1" applyProtection="1">
      <alignment horizontal="center" vertical="center"/>
    </xf>
    <xf numFmtId="0" fontId="7" fillId="0" borderId="7" xfId="0" applyFont="1" applyFill="1" applyBorder="1" applyAlignment="1" applyProtection="1">
      <alignment horizontal="center" vertical="center"/>
    </xf>
    <xf numFmtId="0" fontId="7" fillId="0" borderId="9" xfId="0" applyFont="1" applyFill="1" applyBorder="1" applyAlignment="1" applyProtection="1">
      <alignment horizontal="center" vertical="center"/>
    </xf>
    <xf numFmtId="0" fontId="7" fillId="0" borderId="10" xfId="0" applyFont="1" applyFill="1" applyBorder="1" applyAlignment="1" applyProtection="1">
      <alignment horizontal="center" vertical="center"/>
    </xf>
    <xf numFmtId="38" fontId="7" fillId="0" borderId="10" xfId="2" applyFont="1" applyFill="1" applyBorder="1" applyAlignment="1" applyProtection="1">
      <alignment horizontal="center" vertical="center"/>
    </xf>
    <xf numFmtId="38" fontId="7" fillId="0" borderId="11" xfId="2" applyFont="1" applyFill="1" applyBorder="1" applyAlignment="1" applyProtection="1">
      <alignment horizontal="center" vertical="center"/>
    </xf>
    <xf numFmtId="0" fontId="7" fillId="0" borderId="11" xfId="0" applyFont="1" applyFill="1" applyBorder="1" applyAlignment="1" applyProtection="1">
      <alignment horizontal="center" vertical="center"/>
    </xf>
    <xf numFmtId="0" fontId="7" fillId="0" borderId="12" xfId="0" applyFont="1" applyFill="1" applyBorder="1" applyAlignment="1" applyProtection="1">
      <alignment horizontal="center" vertical="center"/>
    </xf>
    <xf numFmtId="0" fontId="7" fillId="0" borderId="13" xfId="0" applyFont="1" applyFill="1" applyBorder="1" applyAlignment="1" applyProtection="1">
      <alignment horizontal="center" vertical="center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804</xdr:colOff>
      <xdr:row>1</xdr:row>
      <xdr:rowOff>299357</xdr:rowOff>
    </xdr:from>
    <xdr:to>
      <xdr:col>0</xdr:col>
      <xdr:colOff>952500</xdr:colOff>
      <xdr:row>4</xdr:row>
      <xdr:rowOff>299357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6804" y="605518"/>
          <a:ext cx="945696" cy="918482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8"/>
  <sheetViews>
    <sheetView tabSelected="1" view="pageBreakPreview" zoomScaleNormal="100" zoomScaleSheetLayoutView="100" workbookViewId="0"/>
  </sheetViews>
  <sheetFormatPr defaultColWidth="9" defaultRowHeight="14.4" x14ac:dyDescent="0.2"/>
  <cols>
    <col min="1" max="1" width="11.59765625" style="3" customWidth="1"/>
    <col min="2" max="2" width="7.19921875" style="3" customWidth="1"/>
    <col min="3" max="4" width="10.59765625" style="3" customWidth="1"/>
    <col min="5" max="5" width="11.59765625" style="3" customWidth="1"/>
    <col min="6" max="7" width="10.59765625" style="3" customWidth="1"/>
    <col min="8" max="8" width="11.59765625" style="3" customWidth="1"/>
    <col min="9" max="10" width="10.59765625" style="3" customWidth="1"/>
    <col min="11" max="11" width="11.59765625" style="3" customWidth="1"/>
    <col min="12" max="14" width="10.59765625" style="3" customWidth="1"/>
    <col min="15" max="15" width="11.59765625" style="3" customWidth="1"/>
    <col min="16" max="16384" width="9" style="3"/>
  </cols>
  <sheetData>
    <row r="1" spans="1:15" ht="24" customHeight="1" x14ac:dyDescent="0.2">
      <c r="A1" s="1" t="s">
        <v>7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5" ht="24" customHeight="1" thickBot="1" x14ac:dyDescent="0.25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4"/>
      <c r="O2" s="5"/>
    </row>
    <row r="3" spans="1:15" ht="24" customHeight="1" x14ac:dyDescent="0.2">
      <c r="A3" s="6" t="s">
        <v>0</v>
      </c>
      <c r="B3" s="7"/>
      <c r="C3" s="62" t="s">
        <v>61</v>
      </c>
      <c r="D3" s="63"/>
      <c r="E3" s="63"/>
      <c r="F3" s="63"/>
      <c r="G3" s="63"/>
      <c r="H3" s="63"/>
      <c r="I3" s="63"/>
      <c r="J3" s="63"/>
      <c r="K3" s="64"/>
      <c r="L3" s="65" t="s">
        <v>62</v>
      </c>
      <c r="M3" s="63"/>
      <c r="N3" s="63"/>
      <c r="O3" s="66"/>
    </row>
    <row r="4" spans="1:15" ht="24" customHeight="1" x14ac:dyDescent="0.2">
      <c r="A4" s="8"/>
      <c r="B4" s="60" t="s">
        <v>1</v>
      </c>
      <c r="C4" s="67" t="s">
        <v>63</v>
      </c>
      <c r="D4" s="68"/>
      <c r="E4" s="68"/>
      <c r="F4" s="69" t="s">
        <v>64</v>
      </c>
      <c r="G4" s="69"/>
      <c r="H4" s="70"/>
      <c r="I4" s="71" t="s">
        <v>65</v>
      </c>
      <c r="J4" s="72"/>
      <c r="K4" s="73"/>
      <c r="L4" s="9"/>
      <c r="M4" s="9"/>
      <c r="N4" s="9"/>
      <c r="O4" s="10"/>
    </row>
    <row r="5" spans="1:15" ht="24" customHeight="1" thickBot="1" x14ac:dyDescent="0.25">
      <c r="A5" s="11" t="s">
        <v>2</v>
      </c>
      <c r="B5" s="61"/>
      <c r="C5" s="12" t="s">
        <v>66</v>
      </c>
      <c r="D5" s="13" t="s">
        <v>67</v>
      </c>
      <c r="E5" s="13" t="s">
        <v>68</v>
      </c>
      <c r="F5" s="13" t="s">
        <v>66</v>
      </c>
      <c r="G5" s="13" t="s">
        <v>67</v>
      </c>
      <c r="H5" s="13" t="s">
        <v>68</v>
      </c>
      <c r="I5" s="13" t="s">
        <v>66</v>
      </c>
      <c r="J5" s="13" t="s">
        <v>67</v>
      </c>
      <c r="K5" s="14" t="s">
        <v>68</v>
      </c>
      <c r="L5" s="15" t="s">
        <v>66</v>
      </c>
      <c r="M5" s="15" t="s">
        <v>67</v>
      </c>
      <c r="N5" s="15" t="s">
        <v>69</v>
      </c>
      <c r="O5" s="16" t="s">
        <v>71</v>
      </c>
    </row>
    <row r="6" spans="1:15" ht="24" customHeight="1" thickTop="1" x14ac:dyDescent="0.2">
      <c r="A6" s="17" t="s">
        <v>70</v>
      </c>
      <c r="B6" s="18">
        <v>140007</v>
      </c>
      <c r="C6" s="19">
        <v>4466931</v>
      </c>
      <c r="D6" s="20">
        <v>118299</v>
      </c>
      <c r="E6" s="21">
        <v>4585230</v>
      </c>
      <c r="F6" s="21">
        <v>4505771</v>
      </c>
      <c r="G6" s="21">
        <v>121002</v>
      </c>
      <c r="H6" s="21">
        <v>4626773</v>
      </c>
      <c r="I6" s="21">
        <v>8972702</v>
      </c>
      <c r="J6" s="21">
        <v>239301</v>
      </c>
      <c r="K6" s="21">
        <v>9212003</v>
      </c>
      <c r="L6" s="21">
        <v>4342077</v>
      </c>
      <c r="M6" s="21">
        <v>122652</v>
      </c>
      <c r="N6" s="21">
        <v>47863</v>
      </c>
      <c r="O6" s="22">
        <v>4512592</v>
      </c>
    </row>
    <row r="7" spans="1:15" ht="24" customHeight="1" x14ac:dyDescent="0.2">
      <c r="A7" s="23" t="s">
        <v>3</v>
      </c>
      <c r="B7" s="24">
        <v>141003</v>
      </c>
      <c r="C7" s="25">
        <v>1807326</v>
      </c>
      <c r="D7" s="26">
        <v>51938</v>
      </c>
      <c r="E7" s="26">
        <v>1859264</v>
      </c>
      <c r="F7" s="26">
        <v>1839689</v>
      </c>
      <c r="G7" s="26">
        <v>54692</v>
      </c>
      <c r="H7" s="26">
        <v>1894381</v>
      </c>
      <c r="I7" s="26">
        <v>3647015</v>
      </c>
      <c r="J7" s="26">
        <v>106630</v>
      </c>
      <c r="K7" s="26">
        <v>3753645</v>
      </c>
      <c r="L7" s="26">
        <v>1777320</v>
      </c>
      <c r="M7" s="26">
        <v>53075</v>
      </c>
      <c r="N7" s="27">
        <v>20943</v>
      </c>
      <c r="O7" s="28">
        <v>1851338</v>
      </c>
    </row>
    <row r="8" spans="1:15" ht="24" customHeight="1" x14ac:dyDescent="0.2">
      <c r="A8" s="29" t="s">
        <v>4</v>
      </c>
      <c r="B8" s="30">
        <v>141011</v>
      </c>
      <c r="C8" s="31">
        <v>144405</v>
      </c>
      <c r="D8" s="32">
        <v>6916</v>
      </c>
      <c r="E8" s="33">
        <v>151321</v>
      </c>
      <c r="F8" s="32">
        <v>135092</v>
      </c>
      <c r="G8" s="32">
        <v>7017</v>
      </c>
      <c r="H8" s="33">
        <v>142109</v>
      </c>
      <c r="I8" s="34">
        <v>279497</v>
      </c>
      <c r="J8" s="34">
        <v>13933</v>
      </c>
      <c r="K8" s="35">
        <v>293430</v>
      </c>
      <c r="L8" s="32">
        <v>141037</v>
      </c>
      <c r="M8" s="32">
        <v>7002</v>
      </c>
      <c r="N8" s="36">
        <v>2226</v>
      </c>
      <c r="O8" s="37">
        <v>150265</v>
      </c>
    </row>
    <row r="9" spans="1:15" ht="24" customHeight="1" x14ac:dyDescent="0.2">
      <c r="A9" s="29" t="s">
        <v>5</v>
      </c>
      <c r="B9" s="30">
        <v>141020</v>
      </c>
      <c r="C9" s="31">
        <v>118759</v>
      </c>
      <c r="D9" s="32">
        <v>3884</v>
      </c>
      <c r="E9" s="33">
        <v>122643</v>
      </c>
      <c r="F9" s="32">
        <v>116435</v>
      </c>
      <c r="G9" s="32">
        <v>3862</v>
      </c>
      <c r="H9" s="33">
        <v>120297</v>
      </c>
      <c r="I9" s="34">
        <v>235194</v>
      </c>
      <c r="J9" s="34">
        <v>7746</v>
      </c>
      <c r="K9" s="35">
        <v>242940</v>
      </c>
      <c r="L9" s="32">
        <v>125365</v>
      </c>
      <c r="M9" s="32">
        <v>4277</v>
      </c>
      <c r="N9" s="36">
        <v>1281</v>
      </c>
      <c r="O9" s="37">
        <v>130923</v>
      </c>
    </row>
    <row r="10" spans="1:15" ht="24" customHeight="1" x14ac:dyDescent="0.2">
      <c r="A10" s="29" t="s">
        <v>6</v>
      </c>
      <c r="B10" s="30">
        <v>141038</v>
      </c>
      <c r="C10" s="31">
        <v>49685</v>
      </c>
      <c r="D10" s="32">
        <v>2513</v>
      </c>
      <c r="E10" s="33">
        <v>52198</v>
      </c>
      <c r="F10" s="32">
        <v>49736</v>
      </c>
      <c r="G10" s="32">
        <v>2474</v>
      </c>
      <c r="H10" s="33">
        <v>52210</v>
      </c>
      <c r="I10" s="34">
        <v>99421</v>
      </c>
      <c r="J10" s="34">
        <v>4987</v>
      </c>
      <c r="K10" s="35">
        <v>104408</v>
      </c>
      <c r="L10" s="32">
        <v>56013</v>
      </c>
      <c r="M10" s="32">
        <v>2883</v>
      </c>
      <c r="N10" s="36">
        <v>742</v>
      </c>
      <c r="O10" s="37">
        <v>59638</v>
      </c>
    </row>
    <row r="11" spans="1:15" ht="24" customHeight="1" x14ac:dyDescent="0.2">
      <c r="A11" s="29" t="s">
        <v>7</v>
      </c>
      <c r="B11" s="30">
        <v>141046</v>
      </c>
      <c r="C11" s="31">
        <v>71175</v>
      </c>
      <c r="D11" s="32">
        <v>7689</v>
      </c>
      <c r="E11" s="33">
        <v>78864</v>
      </c>
      <c r="F11" s="32">
        <v>65635</v>
      </c>
      <c r="G11" s="32">
        <v>8450</v>
      </c>
      <c r="H11" s="33">
        <v>74085</v>
      </c>
      <c r="I11" s="34">
        <v>136810</v>
      </c>
      <c r="J11" s="34">
        <v>16139</v>
      </c>
      <c r="K11" s="35">
        <v>152949</v>
      </c>
      <c r="L11" s="32">
        <v>78514</v>
      </c>
      <c r="M11" s="32">
        <v>7920</v>
      </c>
      <c r="N11" s="36">
        <v>2392</v>
      </c>
      <c r="O11" s="37">
        <v>88826</v>
      </c>
    </row>
    <row r="12" spans="1:15" ht="24" customHeight="1" x14ac:dyDescent="0.2">
      <c r="A12" s="29" t="s">
        <v>8</v>
      </c>
      <c r="B12" s="30">
        <v>141054</v>
      </c>
      <c r="C12" s="31">
        <v>94110</v>
      </c>
      <c r="D12" s="32">
        <v>5196</v>
      </c>
      <c r="E12" s="33">
        <v>99306</v>
      </c>
      <c r="F12" s="32">
        <v>93441</v>
      </c>
      <c r="G12" s="32">
        <v>5998</v>
      </c>
      <c r="H12" s="33">
        <v>99439</v>
      </c>
      <c r="I12" s="34">
        <v>187551</v>
      </c>
      <c r="J12" s="34">
        <v>11194</v>
      </c>
      <c r="K12" s="35">
        <v>198745</v>
      </c>
      <c r="L12" s="32">
        <v>103737</v>
      </c>
      <c r="M12" s="32">
        <v>5584</v>
      </c>
      <c r="N12" s="36">
        <v>2069</v>
      </c>
      <c r="O12" s="37">
        <v>111390</v>
      </c>
    </row>
    <row r="13" spans="1:15" ht="24" customHeight="1" x14ac:dyDescent="0.2">
      <c r="A13" s="29" t="s">
        <v>72</v>
      </c>
      <c r="B13" s="30">
        <v>141062</v>
      </c>
      <c r="C13" s="31">
        <v>97819</v>
      </c>
      <c r="D13" s="32">
        <v>2761</v>
      </c>
      <c r="E13" s="33">
        <v>100580</v>
      </c>
      <c r="F13" s="32">
        <v>99795</v>
      </c>
      <c r="G13" s="32">
        <v>2891</v>
      </c>
      <c r="H13" s="33">
        <v>102686</v>
      </c>
      <c r="I13" s="34">
        <v>197614</v>
      </c>
      <c r="J13" s="34">
        <v>5652</v>
      </c>
      <c r="K13" s="35">
        <v>203266</v>
      </c>
      <c r="L13" s="32">
        <v>99588</v>
      </c>
      <c r="M13" s="32">
        <v>3040</v>
      </c>
      <c r="N13" s="36">
        <v>1033</v>
      </c>
      <c r="O13" s="37">
        <v>103661</v>
      </c>
    </row>
    <row r="14" spans="1:15" ht="24" customHeight="1" x14ac:dyDescent="0.2">
      <c r="A14" s="29" t="s">
        <v>9</v>
      </c>
      <c r="B14" s="30">
        <v>141071</v>
      </c>
      <c r="C14" s="31">
        <v>79468</v>
      </c>
      <c r="D14" s="32">
        <v>2576</v>
      </c>
      <c r="E14" s="33">
        <v>82044</v>
      </c>
      <c r="F14" s="32">
        <v>81700</v>
      </c>
      <c r="G14" s="32">
        <v>2831</v>
      </c>
      <c r="H14" s="33">
        <v>84531</v>
      </c>
      <c r="I14" s="34">
        <v>161168</v>
      </c>
      <c r="J14" s="34">
        <v>5407</v>
      </c>
      <c r="K14" s="35">
        <v>166575</v>
      </c>
      <c r="L14" s="32">
        <v>79605</v>
      </c>
      <c r="M14" s="32">
        <v>2313</v>
      </c>
      <c r="N14" s="36">
        <v>1116</v>
      </c>
      <c r="O14" s="37">
        <v>83034</v>
      </c>
    </row>
    <row r="15" spans="1:15" ht="24" customHeight="1" x14ac:dyDescent="0.2">
      <c r="A15" s="29" t="s">
        <v>10</v>
      </c>
      <c r="B15" s="30">
        <v>141089</v>
      </c>
      <c r="C15" s="31">
        <v>93708</v>
      </c>
      <c r="D15" s="32">
        <v>1632</v>
      </c>
      <c r="E15" s="33">
        <v>95340</v>
      </c>
      <c r="F15" s="32">
        <v>97733</v>
      </c>
      <c r="G15" s="32">
        <v>1871</v>
      </c>
      <c r="H15" s="33">
        <v>99604</v>
      </c>
      <c r="I15" s="34">
        <v>191441</v>
      </c>
      <c r="J15" s="34">
        <v>3503</v>
      </c>
      <c r="K15" s="35">
        <v>194944</v>
      </c>
      <c r="L15" s="32">
        <v>91552</v>
      </c>
      <c r="M15" s="32">
        <v>1795</v>
      </c>
      <c r="N15" s="32">
        <v>825</v>
      </c>
      <c r="O15" s="37">
        <v>94172</v>
      </c>
    </row>
    <row r="16" spans="1:15" ht="24" customHeight="1" x14ac:dyDescent="0.2">
      <c r="A16" s="29" t="s">
        <v>11</v>
      </c>
      <c r="B16" s="30">
        <v>141097</v>
      </c>
      <c r="C16" s="31">
        <v>172462</v>
      </c>
      <c r="D16" s="32">
        <v>3745</v>
      </c>
      <c r="E16" s="33">
        <v>176207</v>
      </c>
      <c r="F16" s="32">
        <v>174637</v>
      </c>
      <c r="G16" s="32">
        <v>3714</v>
      </c>
      <c r="H16" s="33">
        <v>178351</v>
      </c>
      <c r="I16" s="34">
        <v>347099</v>
      </c>
      <c r="J16" s="34">
        <v>7459</v>
      </c>
      <c r="K16" s="35">
        <v>354558</v>
      </c>
      <c r="L16" s="32">
        <v>172180</v>
      </c>
      <c r="M16" s="32">
        <v>4165</v>
      </c>
      <c r="N16" s="32">
        <v>1711</v>
      </c>
      <c r="O16" s="37">
        <v>178056</v>
      </c>
    </row>
    <row r="17" spans="1:15" ht="24" customHeight="1" x14ac:dyDescent="0.2">
      <c r="A17" s="29" t="s">
        <v>12</v>
      </c>
      <c r="B17" s="30">
        <v>141101</v>
      </c>
      <c r="C17" s="31">
        <v>136381</v>
      </c>
      <c r="D17" s="32">
        <v>2245</v>
      </c>
      <c r="E17" s="33">
        <v>138626</v>
      </c>
      <c r="F17" s="32">
        <v>141233</v>
      </c>
      <c r="G17" s="32">
        <v>2301</v>
      </c>
      <c r="H17" s="33">
        <v>143534</v>
      </c>
      <c r="I17" s="34">
        <v>277614</v>
      </c>
      <c r="J17" s="34">
        <v>4546</v>
      </c>
      <c r="K17" s="35">
        <v>282160</v>
      </c>
      <c r="L17" s="32">
        <v>126821</v>
      </c>
      <c r="M17" s="32">
        <v>2030</v>
      </c>
      <c r="N17" s="32">
        <v>1160</v>
      </c>
      <c r="O17" s="37">
        <v>130011</v>
      </c>
    </row>
    <row r="18" spans="1:15" ht="24" customHeight="1" x14ac:dyDescent="0.2">
      <c r="A18" s="29" t="s">
        <v>13</v>
      </c>
      <c r="B18" s="30">
        <v>141119</v>
      </c>
      <c r="C18" s="31">
        <v>102476</v>
      </c>
      <c r="D18" s="32">
        <v>1474</v>
      </c>
      <c r="E18" s="33">
        <v>103950</v>
      </c>
      <c r="F18" s="32">
        <v>108391</v>
      </c>
      <c r="G18" s="32">
        <v>1711</v>
      </c>
      <c r="H18" s="33">
        <v>110102</v>
      </c>
      <c r="I18" s="34">
        <v>210867</v>
      </c>
      <c r="J18" s="34">
        <v>3185</v>
      </c>
      <c r="K18" s="35">
        <v>214052</v>
      </c>
      <c r="L18" s="32">
        <v>100727</v>
      </c>
      <c r="M18" s="32">
        <v>1435</v>
      </c>
      <c r="N18" s="32">
        <v>868</v>
      </c>
      <c r="O18" s="37">
        <v>103030</v>
      </c>
    </row>
    <row r="19" spans="1:15" ht="24" customHeight="1" x14ac:dyDescent="0.2">
      <c r="A19" s="29" t="s">
        <v>14</v>
      </c>
      <c r="B19" s="30">
        <v>141127</v>
      </c>
      <c r="C19" s="31">
        <v>117165</v>
      </c>
      <c r="D19" s="32">
        <v>1710</v>
      </c>
      <c r="E19" s="33">
        <v>118875</v>
      </c>
      <c r="F19" s="32">
        <v>123205</v>
      </c>
      <c r="G19" s="32">
        <v>1769</v>
      </c>
      <c r="H19" s="33">
        <v>124974</v>
      </c>
      <c r="I19" s="34">
        <v>240370</v>
      </c>
      <c r="J19" s="34">
        <v>3479</v>
      </c>
      <c r="K19" s="35">
        <v>243849</v>
      </c>
      <c r="L19" s="32">
        <v>114558</v>
      </c>
      <c r="M19" s="32">
        <v>1765</v>
      </c>
      <c r="N19" s="32">
        <v>880</v>
      </c>
      <c r="O19" s="37">
        <v>117203</v>
      </c>
    </row>
    <row r="20" spans="1:15" ht="24" customHeight="1" x14ac:dyDescent="0.2">
      <c r="A20" s="29" t="s">
        <v>15</v>
      </c>
      <c r="B20" s="30">
        <v>141135</v>
      </c>
      <c r="C20" s="31">
        <v>87400</v>
      </c>
      <c r="D20" s="32">
        <v>2260</v>
      </c>
      <c r="E20" s="33">
        <v>89660</v>
      </c>
      <c r="F20" s="32">
        <v>89655</v>
      </c>
      <c r="G20" s="32">
        <v>2434</v>
      </c>
      <c r="H20" s="33">
        <v>92089</v>
      </c>
      <c r="I20" s="34">
        <v>177055</v>
      </c>
      <c r="J20" s="34">
        <v>4694</v>
      </c>
      <c r="K20" s="35">
        <v>181749</v>
      </c>
      <c r="L20" s="32">
        <v>81545</v>
      </c>
      <c r="M20" s="32">
        <v>2079</v>
      </c>
      <c r="N20" s="32">
        <v>807</v>
      </c>
      <c r="O20" s="37">
        <v>84431</v>
      </c>
    </row>
    <row r="21" spans="1:15" ht="24" customHeight="1" x14ac:dyDescent="0.2">
      <c r="A21" s="29" t="s">
        <v>16</v>
      </c>
      <c r="B21" s="30">
        <v>141143</v>
      </c>
      <c r="C21" s="31">
        <v>58831</v>
      </c>
      <c r="D21" s="32">
        <v>1002</v>
      </c>
      <c r="E21" s="33">
        <v>59833</v>
      </c>
      <c r="F21" s="32">
        <v>61242</v>
      </c>
      <c r="G21" s="32">
        <v>1089</v>
      </c>
      <c r="H21" s="33">
        <v>62331</v>
      </c>
      <c r="I21" s="34">
        <v>120073</v>
      </c>
      <c r="J21" s="34">
        <v>2091</v>
      </c>
      <c r="K21" s="35">
        <v>122164</v>
      </c>
      <c r="L21" s="32">
        <v>56253</v>
      </c>
      <c r="M21" s="32">
        <v>936</v>
      </c>
      <c r="N21" s="32">
        <v>526</v>
      </c>
      <c r="O21" s="37">
        <v>57715</v>
      </c>
    </row>
    <row r="22" spans="1:15" ht="24" customHeight="1" x14ac:dyDescent="0.2">
      <c r="A22" s="29" t="s">
        <v>17</v>
      </c>
      <c r="B22" s="30">
        <v>141151</v>
      </c>
      <c r="C22" s="31">
        <v>58395</v>
      </c>
      <c r="D22" s="32">
        <v>665</v>
      </c>
      <c r="E22" s="33">
        <v>59060</v>
      </c>
      <c r="F22" s="32">
        <v>61516</v>
      </c>
      <c r="G22" s="32">
        <v>742</v>
      </c>
      <c r="H22" s="33">
        <v>62258</v>
      </c>
      <c r="I22" s="34">
        <v>119911</v>
      </c>
      <c r="J22" s="34">
        <v>1407</v>
      </c>
      <c r="K22" s="35">
        <v>121318</v>
      </c>
      <c r="L22" s="32">
        <v>56539</v>
      </c>
      <c r="M22" s="32">
        <v>585</v>
      </c>
      <c r="N22" s="32">
        <v>436</v>
      </c>
      <c r="O22" s="37">
        <v>57560</v>
      </c>
    </row>
    <row r="23" spans="1:15" ht="24" customHeight="1" x14ac:dyDescent="0.2">
      <c r="A23" s="29" t="s">
        <v>18</v>
      </c>
      <c r="B23" s="30">
        <v>141160</v>
      </c>
      <c r="C23" s="31">
        <v>73175</v>
      </c>
      <c r="D23" s="32">
        <v>1216</v>
      </c>
      <c r="E23" s="33">
        <v>74391</v>
      </c>
      <c r="F23" s="32">
        <v>76341</v>
      </c>
      <c r="G23" s="32">
        <v>1303</v>
      </c>
      <c r="H23" s="33">
        <v>77644</v>
      </c>
      <c r="I23" s="34">
        <v>149516</v>
      </c>
      <c r="J23" s="34">
        <v>2519</v>
      </c>
      <c r="K23" s="35">
        <v>152035</v>
      </c>
      <c r="L23" s="32">
        <v>69239</v>
      </c>
      <c r="M23" s="32">
        <v>1096</v>
      </c>
      <c r="N23" s="32">
        <v>558</v>
      </c>
      <c r="O23" s="37">
        <v>70893</v>
      </c>
    </row>
    <row r="24" spans="1:15" ht="24" customHeight="1" x14ac:dyDescent="0.2">
      <c r="A24" s="29" t="s">
        <v>19</v>
      </c>
      <c r="B24" s="30">
        <v>141178</v>
      </c>
      <c r="C24" s="31">
        <v>147240</v>
      </c>
      <c r="D24" s="32">
        <v>2496</v>
      </c>
      <c r="E24" s="33">
        <v>149736</v>
      </c>
      <c r="F24" s="32">
        <v>157430</v>
      </c>
      <c r="G24" s="32">
        <v>2407</v>
      </c>
      <c r="H24" s="33">
        <v>159837</v>
      </c>
      <c r="I24" s="34">
        <v>304670</v>
      </c>
      <c r="J24" s="34">
        <v>4903</v>
      </c>
      <c r="K24" s="35">
        <v>309573</v>
      </c>
      <c r="L24" s="32">
        <v>135525</v>
      </c>
      <c r="M24" s="32">
        <v>2511</v>
      </c>
      <c r="N24" s="32">
        <v>1271</v>
      </c>
      <c r="O24" s="37">
        <v>139307</v>
      </c>
    </row>
    <row r="25" spans="1:15" ht="24" customHeight="1" x14ac:dyDescent="0.2">
      <c r="A25" s="29" t="s">
        <v>20</v>
      </c>
      <c r="B25" s="30">
        <v>141186</v>
      </c>
      <c r="C25" s="31">
        <v>104672</v>
      </c>
      <c r="D25" s="32">
        <v>1958</v>
      </c>
      <c r="E25" s="33">
        <v>106630</v>
      </c>
      <c r="F25" s="32">
        <v>106472</v>
      </c>
      <c r="G25" s="32">
        <v>1828</v>
      </c>
      <c r="H25" s="33">
        <v>108300</v>
      </c>
      <c r="I25" s="34">
        <v>211144</v>
      </c>
      <c r="J25" s="34">
        <v>3786</v>
      </c>
      <c r="K25" s="35">
        <v>214930</v>
      </c>
      <c r="L25" s="32">
        <v>88522</v>
      </c>
      <c r="M25" s="32">
        <v>1659</v>
      </c>
      <c r="N25" s="32">
        <v>1042</v>
      </c>
      <c r="O25" s="37">
        <v>91223</v>
      </c>
    </row>
    <row r="26" spans="1:15" ht="24" customHeight="1" x14ac:dyDescent="0.2">
      <c r="A26" s="38" t="s">
        <v>21</v>
      </c>
      <c r="B26" s="30">
        <v>141305</v>
      </c>
      <c r="C26" s="39">
        <v>747134</v>
      </c>
      <c r="D26" s="34">
        <v>22936</v>
      </c>
      <c r="E26" s="34">
        <v>770070</v>
      </c>
      <c r="F26" s="34">
        <v>730191</v>
      </c>
      <c r="G26" s="34">
        <v>23765</v>
      </c>
      <c r="H26" s="34">
        <v>753956</v>
      </c>
      <c r="I26" s="34">
        <v>1477325</v>
      </c>
      <c r="J26" s="34">
        <v>46701</v>
      </c>
      <c r="K26" s="35">
        <v>1524026</v>
      </c>
      <c r="L26" s="34">
        <v>744110</v>
      </c>
      <c r="M26" s="34">
        <v>25036</v>
      </c>
      <c r="N26" s="34">
        <v>8941</v>
      </c>
      <c r="O26" s="37">
        <v>778087</v>
      </c>
    </row>
    <row r="27" spans="1:15" ht="24" customHeight="1" x14ac:dyDescent="0.2">
      <c r="A27" s="29" t="s">
        <v>22</v>
      </c>
      <c r="B27" s="30">
        <v>141313</v>
      </c>
      <c r="C27" s="31">
        <v>117157</v>
      </c>
      <c r="D27" s="32">
        <v>7938</v>
      </c>
      <c r="E27" s="33">
        <v>125095</v>
      </c>
      <c r="F27" s="32">
        <v>98366</v>
      </c>
      <c r="G27" s="32">
        <v>8662</v>
      </c>
      <c r="H27" s="33">
        <v>107028</v>
      </c>
      <c r="I27" s="34">
        <v>215523</v>
      </c>
      <c r="J27" s="34">
        <v>16600</v>
      </c>
      <c r="K27" s="35">
        <v>232123</v>
      </c>
      <c r="L27" s="32">
        <v>118951</v>
      </c>
      <c r="M27" s="32">
        <v>8797</v>
      </c>
      <c r="N27" s="32">
        <v>2528</v>
      </c>
      <c r="O27" s="37">
        <v>130276</v>
      </c>
    </row>
    <row r="28" spans="1:15" ht="24" customHeight="1" x14ac:dyDescent="0.2">
      <c r="A28" s="29" t="s">
        <v>23</v>
      </c>
      <c r="B28" s="30">
        <v>141321</v>
      </c>
      <c r="C28" s="31">
        <v>84879</v>
      </c>
      <c r="D28" s="32">
        <v>2709</v>
      </c>
      <c r="E28" s="33">
        <v>87588</v>
      </c>
      <c r="F28" s="32">
        <v>81628</v>
      </c>
      <c r="G28" s="32">
        <v>3096</v>
      </c>
      <c r="H28" s="33">
        <v>84724</v>
      </c>
      <c r="I28" s="34">
        <v>166507</v>
      </c>
      <c r="J28" s="34">
        <v>5805</v>
      </c>
      <c r="K28" s="35">
        <v>172312</v>
      </c>
      <c r="L28" s="32">
        <v>82062</v>
      </c>
      <c r="M28" s="32">
        <v>2707</v>
      </c>
      <c r="N28" s="32">
        <v>1119</v>
      </c>
      <c r="O28" s="37">
        <v>85888</v>
      </c>
    </row>
    <row r="29" spans="1:15" ht="24" customHeight="1" x14ac:dyDescent="0.2">
      <c r="A29" s="29" t="s">
        <v>24</v>
      </c>
      <c r="B29" s="30">
        <v>141330</v>
      </c>
      <c r="C29" s="31">
        <v>128283</v>
      </c>
      <c r="D29" s="32">
        <v>3158</v>
      </c>
      <c r="E29" s="33">
        <v>131441</v>
      </c>
      <c r="F29" s="32">
        <v>126456</v>
      </c>
      <c r="G29" s="32">
        <v>3178</v>
      </c>
      <c r="H29" s="33">
        <v>129634</v>
      </c>
      <c r="I29" s="34">
        <v>254739</v>
      </c>
      <c r="J29" s="34">
        <v>6336</v>
      </c>
      <c r="K29" s="35">
        <v>261075</v>
      </c>
      <c r="L29" s="32">
        <v>132490</v>
      </c>
      <c r="M29" s="32">
        <v>3642</v>
      </c>
      <c r="N29" s="32">
        <v>1260</v>
      </c>
      <c r="O29" s="37">
        <v>137392</v>
      </c>
    </row>
    <row r="30" spans="1:15" ht="24" customHeight="1" x14ac:dyDescent="0.2">
      <c r="A30" s="29" t="s">
        <v>25</v>
      </c>
      <c r="B30" s="30">
        <v>141348</v>
      </c>
      <c r="C30" s="31">
        <v>112163</v>
      </c>
      <c r="D30" s="32">
        <v>2768</v>
      </c>
      <c r="E30" s="33">
        <v>114931</v>
      </c>
      <c r="F30" s="32">
        <v>112542</v>
      </c>
      <c r="G30" s="32">
        <v>2732</v>
      </c>
      <c r="H30" s="33">
        <v>115274</v>
      </c>
      <c r="I30" s="34">
        <v>224705</v>
      </c>
      <c r="J30" s="34">
        <v>5500</v>
      </c>
      <c r="K30" s="35">
        <v>230205</v>
      </c>
      <c r="L30" s="32">
        <v>112497</v>
      </c>
      <c r="M30" s="32">
        <v>3034</v>
      </c>
      <c r="N30" s="32">
        <v>1220</v>
      </c>
      <c r="O30" s="37">
        <v>116751</v>
      </c>
    </row>
    <row r="31" spans="1:15" ht="24" customHeight="1" x14ac:dyDescent="0.2">
      <c r="A31" s="29" t="s">
        <v>26</v>
      </c>
      <c r="B31" s="30">
        <v>141356</v>
      </c>
      <c r="C31" s="31">
        <v>106741</v>
      </c>
      <c r="D31" s="32">
        <v>2537</v>
      </c>
      <c r="E31" s="33">
        <v>109278</v>
      </c>
      <c r="F31" s="32">
        <v>103580</v>
      </c>
      <c r="G31" s="32">
        <v>2411</v>
      </c>
      <c r="H31" s="33">
        <v>105991</v>
      </c>
      <c r="I31" s="34">
        <v>210321</v>
      </c>
      <c r="J31" s="34">
        <v>4948</v>
      </c>
      <c r="K31" s="35">
        <v>215269</v>
      </c>
      <c r="L31" s="32">
        <v>111320</v>
      </c>
      <c r="M31" s="32">
        <v>2949</v>
      </c>
      <c r="N31" s="32">
        <v>970</v>
      </c>
      <c r="O31" s="37">
        <v>115239</v>
      </c>
    </row>
    <row r="32" spans="1:15" ht="24" customHeight="1" x14ac:dyDescent="0.2">
      <c r="A32" s="29" t="s">
        <v>27</v>
      </c>
      <c r="B32" s="30">
        <v>141364</v>
      </c>
      <c r="C32" s="31">
        <v>112799</v>
      </c>
      <c r="D32" s="32">
        <v>2167</v>
      </c>
      <c r="E32" s="33">
        <v>114966</v>
      </c>
      <c r="F32" s="32">
        <v>117377</v>
      </c>
      <c r="G32" s="32">
        <v>2152</v>
      </c>
      <c r="H32" s="33">
        <v>119529</v>
      </c>
      <c r="I32" s="34">
        <v>230176</v>
      </c>
      <c r="J32" s="34">
        <v>4319</v>
      </c>
      <c r="K32" s="35">
        <v>234495</v>
      </c>
      <c r="L32" s="32">
        <v>105556</v>
      </c>
      <c r="M32" s="32">
        <v>2187</v>
      </c>
      <c r="N32" s="32">
        <v>1115</v>
      </c>
      <c r="O32" s="37">
        <v>108858</v>
      </c>
    </row>
    <row r="33" spans="1:15" ht="24" customHeight="1" x14ac:dyDescent="0.2">
      <c r="A33" s="29" t="s">
        <v>28</v>
      </c>
      <c r="B33" s="30">
        <v>141372</v>
      </c>
      <c r="C33" s="31">
        <v>85112</v>
      </c>
      <c r="D33" s="32">
        <v>1659</v>
      </c>
      <c r="E33" s="33">
        <v>86771</v>
      </c>
      <c r="F33" s="32">
        <v>90242</v>
      </c>
      <c r="G33" s="32">
        <v>1534</v>
      </c>
      <c r="H33" s="33">
        <v>91776</v>
      </c>
      <c r="I33" s="34">
        <v>175354</v>
      </c>
      <c r="J33" s="34">
        <v>3193</v>
      </c>
      <c r="K33" s="35">
        <v>178547</v>
      </c>
      <c r="L33" s="32">
        <v>81234</v>
      </c>
      <c r="M33" s="32">
        <v>1720</v>
      </c>
      <c r="N33" s="32">
        <v>729</v>
      </c>
      <c r="O33" s="37">
        <v>83683</v>
      </c>
    </row>
    <row r="34" spans="1:15" ht="24" customHeight="1" x14ac:dyDescent="0.2">
      <c r="A34" s="38" t="s">
        <v>29</v>
      </c>
      <c r="B34" s="30">
        <v>141500</v>
      </c>
      <c r="C34" s="39">
        <v>351855</v>
      </c>
      <c r="D34" s="34">
        <v>8448</v>
      </c>
      <c r="E34" s="34">
        <v>360303</v>
      </c>
      <c r="F34" s="34">
        <v>349834</v>
      </c>
      <c r="G34" s="34">
        <v>8981</v>
      </c>
      <c r="H34" s="34">
        <v>358815</v>
      </c>
      <c r="I34" s="34">
        <v>701689</v>
      </c>
      <c r="J34" s="34">
        <v>17429</v>
      </c>
      <c r="K34" s="35">
        <v>719118</v>
      </c>
      <c r="L34" s="34">
        <v>338480</v>
      </c>
      <c r="M34" s="34">
        <v>9834</v>
      </c>
      <c r="N34" s="34">
        <v>3348</v>
      </c>
      <c r="O34" s="37">
        <v>351662</v>
      </c>
    </row>
    <row r="35" spans="1:15" ht="24" customHeight="1" x14ac:dyDescent="0.2">
      <c r="A35" s="29" t="s">
        <v>15</v>
      </c>
      <c r="B35" s="30">
        <v>141518</v>
      </c>
      <c r="C35" s="31">
        <v>82813</v>
      </c>
      <c r="D35" s="32">
        <v>1868</v>
      </c>
      <c r="E35" s="33">
        <v>84681</v>
      </c>
      <c r="F35" s="32">
        <v>81302</v>
      </c>
      <c r="G35" s="32">
        <v>1940</v>
      </c>
      <c r="H35" s="33">
        <v>83242</v>
      </c>
      <c r="I35" s="34">
        <v>164115</v>
      </c>
      <c r="J35" s="34">
        <v>3808</v>
      </c>
      <c r="K35" s="35">
        <v>167923</v>
      </c>
      <c r="L35" s="32">
        <v>76925</v>
      </c>
      <c r="M35" s="32">
        <v>2292</v>
      </c>
      <c r="N35" s="32">
        <v>699</v>
      </c>
      <c r="O35" s="37">
        <v>79916</v>
      </c>
    </row>
    <row r="36" spans="1:15" ht="24" customHeight="1" x14ac:dyDescent="0.2">
      <c r="A36" s="29" t="s">
        <v>30</v>
      </c>
      <c r="B36" s="30">
        <v>141526</v>
      </c>
      <c r="C36" s="31">
        <v>134142</v>
      </c>
      <c r="D36" s="32">
        <v>3243</v>
      </c>
      <c r="E36" s="33">
        <v>137385</v>
      </c>
      <c r="F36" s="32">
        <v>131608</v>
      </c>
      <c r="G36" s="32">
        <v>3446</v>
      </c>
      <c r="H36" s="33">
        <v>135054</v>
      </c>
      <c r="I36" s="34">
        <v>265750</v>
      </c>
      <c r="J36" s="34">
        <v>6689</v>
      </c>
      <c r="K36" s="35">
        <v>272439</v>
      </c>
      <c r="L36" s="32">
        <v>127629</v>
      </c>
      <c r="M36" s="32">
        <v>3655</v>
      </c>
      <c r="N36" s="32">
        <v>1368</v>
      </c>
      <c r="O36" s="37">
        <v>132652</v>
      </c>
    </row>
    <row r="37" spans="1:15" ht="24" customHeight="1" x14ac:dyDescent="0.2">
      <c r="A37" s="29" t="s">
        <v>8</v>
      </c>
      <c r="B37" s="30">
        <v>141534</v>
      </c>
      <c r="C37" s="31">
        <v>134900</v>
      </c>
      <c r="D37" s="32">
        <v>3337</v>
      </c>
      <c r="E37" s="33">
        <v>138237</v>
      </c>
      <c r="F37" s="32">
        <v>136924</v>
      </c>
      <c r="G37" s="32">
        <v>3595</v>
      </c>
      <c r="H37" s="33">
        <v>140519</v>
      </c>
      <c r="I37" s="34">
        <v>271824</v>
      </c>
      <c r="J37" s="34">
        <v>6932</v>
      </c>
      <c r="K37" s="35">
        <v>278756</v>
      </c>
      <c r="L37" s="32">
        <v>133926</v>
      </c>
      <c r="M37" s="32">
        <v>3887</v>
      </c>
      <c r="N37" s="32">
        <v>1281</v>
      </c>
      <c r="O37" s="37">
        <v>139094</v>
      </c>
    </row>
    <row r="38" spans="1:15" ht="24" customHeight="1" x14ac:dyDescent="0.2">
      <c r="A38" s="38" t="s">
        <v>31</v>
      </c>
      <c r="B38" s="30">
        <v>142018</v>
      </c>
      <c r="C38" s="31">
        <v>190421</v>
      </c>
      <c r="D38" s="32">
        <v>3009</v>
      </c>
      <c r="E38" s="33">
        <v>193430</v>
      </c>
      <c r="F38" s="32">
        <v>191406</v>
      </c>
      <c r="G38" s="32">
        <v>3361</v>
      </c>
      <c r="H38" s="33">
        <v>194767</v>
      </c>
      <c r="I38" s="34">
        <v>381827</v>
      </c>
      <c r="J38" s="34">
        <v>6370</v>
      </c>
      <c r="K38" s="35">
        <v>388197</v>
      </c>
      <c r="L38" s="32">
        <v>187018</v>
      </c>
      <c r="M38" s="32">
        <v>3238</v>
      </c>
      <c r="N38" s="32">
        <v>1833</v>
      </c>
      <c r="O38" s="37">
        <v>192089</v>
      </c>
    </row>
    <row r="39" spans="1:15" ht="24" customHeight="1" x14ac:dyDescent="0.2">
      <c r="A39" s="38" t="s">
        <v>32</v>
      </c>
      <c r="B39" s="30">
        <v>142034</v>
      </c>
      <c r="C39" s="31">
        <v>125219</v>
      </c>
      <c r="D39" s="32">
        <v>2473</v>
      </c>
      <c r="E39" s="33">
        <v>127692</v>
      </c>
      <c r="F39" s="32">
        <v>125390</v>
      </c>
      <c r="G39" s="32">
        <v>2923</v>
      </c>
      <c r="H39" s="33">
        <v>128313</v>
      </c>
      <c r="I39" s="34">
        <v>250609</v>
      </c>
      <c r="J39" s="34">
        <v>5396</v>
      </c>
      <c r="K39" s="35">
        <v>256005</v>
      </c>
      <c r="L39" s="32">
        <v>117538</v>
      </c>
      <c r="M39" s="32">
        <v>2589</v>
      </c>
      <c r="N39" s="32">
        <v>1275</v>
      </c>
      <c r="O39" s="40">
        <v>121402</v>
      </c>
    </row>
    <row r="40" spans="1:15" ht="24" customHeight="1" x14ac:dyDescent="0.2">
      <c r="A40" s="38" t="s">
        <v>33</v>
      </c>
      <c r="B40" s="30">
        <v>142042</v>
      </c>
      <c r="C40" s="41">
        <v>82639</v>
      </c>
      <c r="D40" s="36">
        <v>910</v>
      </c>
      <c r="E40" s="34">
        <v>83549</v>
      </c>
      <c r="F40" s="32">
        <v>92098</v>
      </c>
      <c r="G40" s="32">
        <v>813</v>
      </c>
      <c r="H40" s="34">
        <v>92911</v>
      </c>
      <c r="I40" s="34">
        <v>174737</v>
      </c>
      <c r="J40" s="34">
        <v>1723</v>
      </c>
      <c r="K40" s="34">
        <v>176460</v>
      </c>
      <c r="L40" s="32">
        <v>83361</v>
      </c>
      <c r="M40" s="32">
        <v>639</v>
      </c>
      <c r="N40" s="32">
        <v>823</v>
      </c>
      <c r="O40" s="37">
        <v>84823</v>
      </c>
    </row>
    <row r="41" spans="1:15" ht="24" customHeight="1" x14ac:dyDescent="0.2">
      <c r="A41" s="38" t="s">
        <v>34</v>
      </c>
      <c r="B41" s="30">
        <v>142051</v>
      </c>
      <c r="C41" s="42">
        <v>216364</v>
      </c>
      <c r="D41" s="43">
        <v>4010</v>
      </c>
      <c r="E41" s="44">
        <v>220374</v>
      </c>
      <c r="F41" s="43">
        <v>221464</v>
      </c>
      <c r="G41" s="43">
        <v>3339</v>
      </c>
      <c r="H41" s="44">
        <v>224803</v>
      </c>
      <c r="I41" s="45">
        <v>437828</v>
      </c>
      <c r="J41" s="45">
        <v>7349</v>
      </c>
      <c r="K41" s="45">
        <v>445177</v>
      </c>
      <c r="L41" s="43">
        <v>204890</v>
      </c>
      <c r="M41" s="43">
        <v>3738</v>
      </c>
      <c r="N41" s="46">
        <v>1744</v>
      </c>
      <c r="O41" s="47">
        <v>210372</v>
      </c>
    </row>
    <row r="42" spans="1:15" ht="24" customHeight="1" x14ac:dyDescent="0.2">
      <c r="A42" s="38" t="s">
        <v>35</v>
      </c>
      <c r="B42" s="30">
        <v>142069</v>
      </c>
      <c r="C42" s="31">
        <v>90479</v>
      </c>
      <c r="D42" s="32">
        <v>1246</v>
      </c>
      <c r="E42" s="33">
        <v>91725</v>
      </c>
      <c r="F42" s="32">
        <v>94593</v>
      </c>
      <c r="G42" s="32">
        <v>1562</v>
      </c>
      <c r="H42" s="33">
        <v>96155</v>
      </c>
      <c r="I42" s="34">
        <v>185072</v>
      </c>
      <c r="J42" s="34">
        <v>2808</v>
      </c>
      <c r="K42" s="35">
        <v>187880</v>
      </c>
      <c r="L42" s="32">
        <v>88071</v>
      </c>
      <c r="M42" s="32">
        <v>1546</v>
      </c>
      <c r="N42" s="36">
        <v>700</v>
      </c>
      <c r="O42" s="37">
        <v>90317</v>
      </c>
    </row>
    <row r="43" spans="1:15" ht="24" customHeight="1" x14ac:dyDescent="0.2">
      <c r="A43" s="38" t="s">
        <v>36</v>
      </c>
      <c r="B43" s="30">
        <v>142077</v>
      </c>
      <c r="C43" s="31">
        <v>118815</v>
      </c>
      <c r="D43" s="32">
        <v>1014</v>
      </c>
      <c r="E43" s="33">
        <v>119829</v>
      </c>
      <c r="F43" s="32">
        <v>125445</v>
      </c>
      <c r="G43" s="32">
        <v>1120</v>
      </c>
      <c r="H43" s="33">
        <v>126565</v>
      </c>
      <c r="I43" s="34">
        <v>244260</v>
      </c>
      <c r="J43" s="34">
        <v>2134</v>
      </c>
      <c r="K43" s="35">
        <v>246394</v>
      </c>
      <c r="L43" s="32">
        <v>110832</v>
      </c>
      <c r="M43" s="32">
        <v>896</v>
      </c>
      <c r="N43" s="36">
        <v>864</v>
      </c>
      <c r="O43" s="37">
        <v>112592</v>
      </c>
    </row>
    <row r="44" spans="1:15" ht="24" customHeight="1" x14ac:dyDescent="0.2">
      <c r="A44" s="38" t="s">
        <v>37</v>
      </c>
      <c r="B44" s="30">
        <v>142085</v>
      </c>
      <c r="C44" s="31">
        <v>27438</v>
      </c>
      <c r="D44" s="32">
        <v>298</v>
      </c>
      <c r="E44" s="33">
        <v>27736</v>
      </c>
      <c r="F44" s="32">
        <v>30956</v>
      </c>
      <c r="G44" s="32">
        <v>267</v>
      </c>
      <c r="H44" s="33">
        <v>31223</v>
      </c>
      <c r="I44" s="34">
        <v>58394</v>
      </c>
      <c r="J44" s="34">
        <v>565</v>
      </c>
      <c r="K44" s="35">
        <v>58959</v>
      </c>
      <c r="L44" s="32">
        <v>27411</v>
      </c>
      <c r="M44" s="32">
        <v>178</v>
      </c>
      <c r="N44" s="36">
        <v>298</v>
      </c>
      <c r="O44" s="37">
        <v>27887</v>
      </c>
    </row>
    <row r="45" spans="1:15" ht="24" customHeight="1" x14ac:dyDescent="0.2">
      <c r="A45" s="38" t="s">
        <v>38</v>
      </c>
      <c r="B45" s="30">
        <v>142107</v>
      </c>
      <c r="C45" s="31">
        <v>19816</v>
      </c>
      <c r="D45" s="32">
        <v>224</v>
      </c>
      <c r="E45" s="33">
        <v>20040</v>
      </c>
      <c r="F45" s="32">
        <v>21075</v>
      </c>
      <c r="G45" s="32">
        <v>182</v>
      </c>
      <c r="H45" s="33">
        <v>21257</v>
      </c>
      <c r="I45" s="34">
        <v>40891</v>
      </c>
      <c r="J45" s="34">
        <v>406</v>
      </c>
      <c r="K45" s="35">
        <v>41297</v>
      </c>
      <c r="L45" s="32">
        <v>19646</v>
      </c>
      <c r="M45" s="32">
        <v>273</v>
      </c>
      <c r="N45" s="36">
        <v>111</v>
      </c>
      <c r="O45" s="37">
        <v>20030</v>
      </c>
    </row>
    <row r="46" spans="1:15" ht="24" customHeight="1" x14ac:dyDescent="0.2">
      <c r="A46" s="38" t="s">
        <v>39</v>
      </c>
      <c r="B46" s="30">
        <v>142115</v>
      </c>
      <c r="C46" s="31">
        <v>77899</v>
      </c>
      <c r="D46" s="32">
        <v>2255</v>
      </c>
      <c r="E46" s="33">
        <v>80154</v>
      </c>
      <c r="F46" s="32">
        <v>77697</v>
      </c>
      <c r="G46" s="32">
        <v>1795</v>
      </c>
      <c r="H46" s="33">
        <v>79492</v>
      </c>
      <c r="I46" s="34">
        <v>155596</v>
      </c>
      <c r="J46" s="34">
        <v>4050</v>
      </c>
      <c r="K46" s="35">
        <v>159646</v>
      </c>
      <c r="L46" s="32">
        <v>72490</v>
      </c>
      <c r="M46" s="32">
        <v>2328</v>
      </c>
      <c r="N46" s="36">
        <v>571</v>
      </c>
      <c r="O46" s="37">
        <v>75389</v>
      </c>
    </row>
    <row r="47" spans="1:15" ht="24" customHeight="1" x14ac:dyDescent="0.2">
      <c r="A47" s="38" t="s">
        <v>40</v>
      </c>
      <c r="B47" s="30">
        <v>142123</v>
      </c>
      <c r="C47" s="31">
        <v>110901</v>
      </c>
      <c r="D47" s="32">
        <v>4521</v>
      </c>
      <c r="E47" s="33">
        <v>115422</v>
      </c>
      <c r="F47" s="32">
        <v>104390</v>
      </c>
      <c r="G47" s="32">
        <v>4024</v>
      </c>
      <c r="H47" s="33">
        <v>108414</v>
      </c>
      <c r="I47" s="34">
        <v>215291</v>
      </c>
      <c r="J47" s="34">
        <v>8545</v>
      </c>
      <c r="K47" s="35">
        <v>223836</v>
      </c>
      <c r="L47" s="32">
        <v>103110</v>
      </c>
      <c r="M47" s="32">
        <v>4476</v>
      </c>
      <c r="N47" s="36">
        <v>1241</v>
      </c>
      <c r="O47" s="37">
        <v>108827</v>
      </c>
    </row>
    <row r="48" spans="1:15" ht="24" customHeight="1" x14ac:dyDescent="0.2">
      <c r="A48" s="38" t="s">
        <v>41</v>
      </c>
      <c r="B48" s="30">
        <v>142131</v>
      </c>
      <c r="C48" s="31">
        <v>118362</v>
      </c>
      <c r="D48" s="32">
        <v>3685</v>
      </c>
      <c r="E48" s="33">
        <v>122047</v>
      </c>
      <c r="F48" s="32">
        <v>118535</v>
      </c>
      <c r="G48" s="32">
        <v>3839</v>
      </c>
      <c r="H48" s="33">
        <v>122374</v>
      </c>
      <c r="I48" s="34">
        <v>236897</v>
      </c>
      <c r="J48" s="34">
        <v>7524</v>
      </c>
      <c r="K48" s="35">
        <v>244421</v>
      </c>
      <c r="L48" s="32">
        <v>114634</v>
      </c>
      <c r="M48" s="32">
        <v>3666</v>
      </c>
      <c r="N48" s="36">
        <v>1507</v>
      </c>
      <c r="O48" s="37">
        <v>119807</v>
      </c>
    </row>
    <row r="49" spans="1:15" ht="24" customHeight="1" x14ac:dyDescent="0.2">
      <c r="A49" s="38" t="s">
        <v>42</v>
      </c>
      <c r="B49" s="30">
        <v>142140</v>
      </c>
      <c r="C49" s="31">
        <v>49229</v>
      </c>
      <c r="D49" s="32">
        <v>1487</v>
      </c>
      <c r="E49" s="33">
        <v>50716</v>
      </c>
      <c r="F49" s="32">
        <v>47830</v>
      </c>
      <c r="G49" s="32">
        <v>1364</v>
      </c>
      <c r="H49" s="33">
        <v>49194</v>
      </c>
      <c r="I49" s="34">
        <v>97059</v>
      </c>
      <c r="J49" s="34">
        <v>2851</v>
      </c>
      <c r="K49" s="35">
        <v>99910</v>
      </c>
      <c r="L49" s="32">
        <v>45327</v>
      </c>
      <c r="M49" s="32">
        <v>1634</v>
      </c>
      <c r="N49" s="36">
        <v>372</v>
      </c>
      <c r="O49" s="37">
        <v>47333</v>
      </c>
    </row>
    <row r="50" spans="1:15" ht="24" customHeight="1" x14ac:dyDescent="0.2">
      <c r="A50" s="38" t="s">
        <v>43</v>
      </c>
      <c r="B50" s="30">
        <v>142158</v>
      </c>
      <c r="C50" s="48">
        <v>68347</v>
      </c>
      <c r="D50" s="49">
        <v>1564</v>
      </c>
      <c r="E50" s="33">
        <v>69911</v>
      </c>
      <c r="F50" s="49">
        <v>67545</v>
      </c>
      <c r="G50" s="49">
        <v>1513</v>
      </c>
      <c r="H50" s="33">
        <v>69058</v>
      </c>
      <c r="I50" s="34">
        <v>135892</v>
      </c>
      <c r="J50" s="34">
        <v>3077</v>
      </c>
      <c r="K50" s="35">
        <v>138969</v>
      </c>
      <c r="L50" s="49">
        <v>61962</v>
      </c>
      <c r="M50" s="49">
        <v>1443</v>
      </c>
      <c r="N50" s="50">
        <v>605</v>
      </c>
      <c r="O50" s="37">
        <v>64010</v>
      </c>
    </row>
    <row r="51" spans="1:15" ht="24" customHeight="1" x14ac:dyDescent="0.2">
      <c r="A51" s="38" t="s">
        <v>44</v>
      </c>
      <c r="B51" s="30">
        <v>142166</v>
      </c>
      <c r="C51" s="31">
        <v>64130</v>
      </c>
      <c r="D51" s="32">
        <v>1804</v>
      </c>
      <c r="E51" s="33">
        <v>65934</v>
      </c>
      <c r="F51" s="32">
        <v>63817</v>
      </c>
      <c r="G51" s="32">
        <v>1776</v>
      </c>
      <c r="H51" s="33">
        <v>65593</v>
      </c>
      <c r="I51" s="34">
        <v>127947</v>
      </c>
      <c r="J51" s="34">
        <v>3580</v>
      </c>
      <c r="K51" s="35">
        <v>131527</v>
      </c>
      <c r="L51" s="32">
        <v>61417</v>
      </c>
      <c r="M51" s="32">
        <v>1663</v>
      </c>
      <c r="N51" s="36">
        <v>827</v>
      </c>
      <c r="O51" s="37">
        <v>63907</v>
      </c>
    </row>
    <row r="52" spans="1:15" ht="24" customHeight="1" x14ac:dyDescent="0.2">
      <c r="A52" s="38" t="s">
        <v>45</v>
      </c>
      <c r="B52" s="30">
        <v>142174</v>
      </c>
      <c r="C52" s="31">
        <v>19951</v>
      </c>
      <c r="D52" s="32">
        <v>261</v>
      </c>
      <c r="E52" s="33">
        <v>20212</v>
      </c>
      <c r="F52" s="32">
        <v>20523</v>
      </c>
      <c r="G52" s="32">
        <v>322</v>
      </c>
      <c r="H52" s="33">
        <v>20845</v>
      </c>
      <c r="I52" s="34">
        <v>40474</v>
      </c>
      <c r="J52" s="34">
        <v>583</v>
      </c>
      <c r="K52" s="35">
        <v>41057</v>
      </c>
      <c r="L52" s="32">
        <v>17859</v>
      </c>
      <c r="M52" s="32">
        <v>310</v>
      </c>
      <c r="N52" s="36">
        <v>134</v>
      </c>
      <c r="O52" s="37">
        <v>18303</v>
      </c>
    </row>
    <row r="53" spans="1:15" ht="24" customHeight="1" x14ac:dyDescent="0.2">
      <c r="A53" s="38" t="s">
        <v>46</v>
      </c>
      <c r="B53" s="30">
        <v>142182</v>
      </c>
      <c r="C53" s="31">
        <v>40554</v>
      </c>
      <c r="D53" s="32">
        <v>2539</v>
      </c>
      <c r="E53" s="33">
        <v>43093</v>
      </c>
      <c r="F53" s="32">
        <v>39415</v>
      </c>
      <c r="G53" s="32">
        <v>1868</v>
      </c>
      <c r="H53" s="33">
        <v>41283</v>
      </c>
      <c r="I53" s="34">
        <v>79969</v>
      </c>
      <c r="J53" s="34">
        <v>4407</v>
      </c>
      <c r="K53" s="35">
        <v>84376</v>
      </c>
      <c r="L53" s="32">
        <v>36016</v>
      </c>
      <c r="M53" s="32">
        <v>2190</v>
      </c>
      <c r="N53" s="36">
        <v>527</v>
      </c>
      <c r="O53" s="37">
        <v>38733</v>
      </c>
    </row>
    <row r="54" spans="1:15" ht="24" customHeight="1" x14ac:dyDescent="0.2">
      <c r="A54" s="38" t="s">
        <v>47</v>
      </c>
      <c r="B54" s="30">
        <v>143014</v>
      </c>
      <c r="C54" s="31">
        <v>15270</v>
      </c>
      <c r="D54" s="32">
        <v>169</v>
      </c>
      <c r="E54" s="33">
        <v>15439</v>
      </c>
      <c r="F54" s="32">
        <v>17080</v>
      </c>
      <c r="G54" s="32">
        <v>104</v>
      </c>
      <c r="H54" s="33">
        <v>17184</v>
      </c>
      <c r="I54" s="34">
        <v>32350</v>
      </c>
      <c r="J54" s="34">
        <v>273</v>
      </c>
      <c r="K54" s="35">
        <v>32623</v>
      </c>
      <c r="L54" s="32">
        <v>14436</v>
      </c>
      <c r="M54" s="32">
        <v>91</v>
      </c>
      <c r="N54" s="36">
        <v>154</v>
      </c>
      <c r="O54" s="37">
        <v>14681</v>
      </c>
    </row>
    <row r="55" spans="1:15" ht="24" customHeight="1" x14ac:dyDescent="0.2">
      <c r="A55" s="38" t="s">
        <v>48</v>
      </c>
      <c r="B55" s="30">
        <v>143219</v>
      </c>
      <c r="C55" s="31">
        <v>24400</v>
      </c>
      <c r="D55" s="32">
        <v>566</v>
      </c>
      <c r="E55" s="33">
        <v>24966</v>
      </c>
      <c r="F55" s="32">
        <v>23601</v>
      </c>
      <c r="G55" s="32">
        <v>496</v>
      </c>
      <c r="H55" s="33">
        <v>24097</v>
      </c>
      <c r="I55" s="34">
        <v>48001</v>
      </c>
      <c r="J55" s="34">
        <v>1062</v>
      </c>
      <c r="K55" s="35">
        <v>49063</v>
      </c>
      <c r="L55" s="32">
        <v>21579</v>
      </c>
      <c r="M55" s="32">
        <v>581</v>
      </c>
      <c r="N55" s="36">
        <v>190</v>
      </c>
      <c r="O55" s="37">
        <v>22350</v>
      </c>
    </row>
    <row r="56" spans="1:15" ht="24" customHeight="1" x14ac:dyDescent="0.2">
      <c r="A56" s="38" t="s">
        <v>49</v>
      </c>
      <c r="B56" s="30">
        <v>143413</v>
      </c>
      <c r="C56" s="31">
        <v>15657</v>
      </c>
      <c r="D56" s="32">
        <v>120</v>
      </c>
      <c r="E56" s="33">
        <v>15777</v>
      </c>
      <c r="F56" s="32">
        <v>16394</v>
      </c>
      <c r="G56" s="32">
        <v>94</v>
      </c>
      <c r="H56" s="33">
        <v>16488</v>
      </c>
      <c r="I56" s="34">
        <v>32051</v>
      </c>
      <c r="J56" s="34">
        <v>214</v>
      </c>
      <c r="K56" s="35">
        <v>32265</v>
      </c>
      <c r="L56" s="32">
        <v>14413</v>
      </c>
      <c r="M56" s="32">
        <v>68</v>
      </c>
      <c r="N56" s="36">
        <v>122</v>
      </c>
      <c r="O56" s="37">
        <v>14603</v>
      </c>
    </row>
    <row r="57" spans="1:15" ht="24" customHeight="1" x14ac:dyDescent="0.2">
      <c r="A57" s="38" t="s">
        <v>50</v>
      </c>
      <c r="B57" s="30">
        <v>143421</v>
      </c>
      <c r="C57" s="31">
        <v>13430</v>
      </c>
      <c r="D57" s="32">
        <v>141</v>
      </c>
      <c r="E57" s="33">
        <v>13571</v>
      </c>
      <c r="F57" s="32">
        <v>14246</v>
      </c>
      <c r="G57" s="32">
        <v>108</v>
      </c>
      <c r="H57" s="33">
        <v>14354</v>
      </c>
      <c r="I57" s="34">
        <v>27676</v>
      </c>
      <c r="J57" s="34">
        <v>249</v>
      </c>
      <c r="K57" s="35">
        <v>27925</v>
      </c>
      <c r="L57" s="32">
        <v>12666</v>
      </c>
      <c r="M57" s="32">
        <v>133</v>
      </c>
      <c r="N57" s="36">
        <v>56</v>
      </c>
      <c r="O57" s="37">
        <v>12855</v>
      </c>
    </row>
    <row r="58" spans="1:15" ht="24" customHeight="1" x14ac:dyDescent="0.2">
      <c r="A58" s="38" t="s">
        <v>51</v>
      </c>
      <c r="B58" s="30">
        <v>143618</v>
      </c>
      <c r="C58" s="31">
        <v>4360</v>
      </c>
      <c r="D58" s="32">
        <v>209</v>
      </c>
      <c r="E58" s="33">
        <v>4569</v>
      </c>
      <c r="F58" s="32">
        <v>4320</v>
      </c>
      <c r="G58" s="32">
        <v>179</v>
      </c>
      <c r="H58" s="33">
        <v>4499</v>
      </c>
      <c r="I58" s="34">
        <v>8680</v>
      </c>
      <c r="J58" s="34">
        <v>388</v>
      </c>
      <c r="K58" s="35">
        <v>9068</v>
      </c>
      <c r="L58" s="32">
        <v>3596</v>
      </c>
      <c r="M58" s="32">
        <v>199</v>
      </c>
      <c r="N58" s="36">
        <v>20</v>
      </c>
      <c r="O58" s="37">
        <v>3815</v>
      </c>
    </row>
    <row r="59" spans="1:15" ht="24" customHeight="1" x14ac:dyDescent="0.2">
      <c r="A59" s="38" t="s">
        <v>52</v>
      </c>
      <c r="B59" s="30">
        <v>143626</v>
      </c>
      <c r="C59" s="31">
        <v>8538</v>
      </c>
      <c r="D59" s="32">
        <v>80</v>
      </c>
      <c r="E59" s="33">
        <v>8618</v>
      </c>
      <c r="F59" s="32">
        <v>8662</v>
      </c>
      <c r="G59" s="32">
        <v>83</v>
      </c>
      <c r="H59" s="33">
        <v>8745</v>
      </c>
      <c r="I59" s="34">
        <v>17200</v>
      </c>
      <c r="J59" s="34">
        <v>163</v>
      </c>
      <c r="K59" s="35">
        <v>17363</v>
      </c>
      <c r="L59" s="32">
        <v>7297</v>
      </c>
      <c r="M59" s="32">
        <v>89</v>
      </c>
      <c r="N59" s="36">
        <v>39</v>
      </c>
      <c r="O59" s="37">
        <v>7425</v>
      </c>
    </row>
    <row r="60" spans="1:15" ht="24" customHeight="1" x14ac:dyDescent="0.2">
      <c r="A60" s="38" t="s">
        <v>53</v>
      </c>
      <c r="B60" s="30">
        <v>143634</v>
      </c>
      <c r="C60" s="31">
        <v>5198</v>
      </c>
      <c r="D60" s="32">
        <v>43</v>
      </c>
      <c r="E60" s="33">
        <v>5241</v>
      </c>
      <c r="F60" s="32">
        <v>5282</v>
      </c>
      <c r="G60" s="32">
        <v>93</v>
      </c>
      <c r="H60" s="33">
        <v>5375</v>
      </c>
      <c r="I60" s="34">
        <v>10480</v>
      </c>
      <c r="J60" s="34">
        <v>136</v>
      </c>
      <c r="K60" s="35">
        <v>10616</v>
      </c>
      <c r="L60" s="32">
        <v>4754</v>
      </c>
      <c r="M60" s="32">
        <v>76</v>
      </c>
      <c r="N60" s="36">
        <v>42</v>
      </c>
      <c r="O60" s="37">
        <v>4872</v>
      </c>
    </row>
    <row r="61" spans="1:15" ht="24" customHeight="1" x14ac:dyDescent="0.2">
      <c r="A61" s="38" t="s">
        <v>54</v>
      </c>
      <c r="B61" s="30">
        <v>143642</v>
      </c>
      <c r="C61" s="31">
        <v>4656</v>
      </c>
      <c r="D61" s="32">
        <v>46</v>
      </c>
      <c r="E61" s="33">
        <v>4702</v>
      </c>
      <c r="F61" s="32">
        <v>4827</v>
      </c>
      <c r="G61" s="32">
        <v>48</v>
      </c>
      <c r="H61" s="33">
        <v>4875</v>
      </c>
      <c r="I61" s="34">
        <v>9483</v>
      </c>
      <c r="J61" s="34">
        <v>94</v>
      </c>
      <c r="K61" s="35">
        <v>9577</v>
      </c>
      <c r="L61" s="32">
        <v>4131</v>
      </c>
      <c r="M61" s="32">
        <v>60</v>
      </c>
      <c r="N61" s="36">
        <v>21</v>
      </c>
      <c r="O61" s="37">
        <v>4212</v>
      </c>
    </row>
    <row r="62" spans="1:15" ht="24" customHeight="1" x14ac:dyDescent="0.2">
      <c r="A62" s="38" t="s">
        <v>55</v>
      </c>
      <c r="B62" s="30">
        <v>143669</v>
      </c>
      <c r="C62" s="31">
        <v>9008</v>
      </c>
      <c r="D62" s="32">
        <v>66</v>
      </c>
      <c r="E62" s="33">
        <v>9074</v>
      </c>
      <c r="F62" s="32">
        <v>9397</v>
      </c>
      <c r="G62" s="32">
        <v>95</v>
      </c>
      <c r="H62" s="33">
        <v>9492</v>
      </c>
      <c r="I62" s="34">
        <v>18405</v>
      </c>
      <c r="J62" s="34">
        <v>161</v>
      </c>
      <c r="K62" s="35">
        <v>18566</v>
      </c>
      <c r="L62" s="32">
        <v>7535</v>
      </c>
      <c r="M62" s="32">
        <v>69</v>
      </c>
      <c r="N62" s="36">
        <v>51</v>
      </c>
      <c r="O62" s="37">
        <v>7655</v>
      </c>
    </row>
    <row r="63" spans="1:15" ht="24" customHeight="1" x14ac:dyDescent="0.2">
      <c r="A63" s="38" t="s">
        <v>56</v>
      </c>
      <c r="B63" s="30">
        <v>143821</v>
      </c>
      <c r="C63" s="31">
        <v>4871</v>
      </c>
      <c r="D63" s="32">
        <v>313</v>
      </c>
      <c r="E63" s="33">
        <v>5184</v>
      </c>
      <c r="F63" s="32">
        <v>5261</v>
      </c>
      <c r="G63" s="32">
        <v>400</v>
      </c>
      <c r="H63" s="33">
        <v>5661</v>
      </c>
      <c r="I63" s="34">
        <v>10132</v>
      </c>
      <c r="J63" s="34">
        <v>713</v>
      </c>
      <c r="K63" s="35">
        <v>10845</v>
      </c>
      <c r="L63" s="32">
        <v>6094</v>
      </c>
      <c r="M63" s="32">
        <v>582</v>
      </c>
      <c r="N63" s="36">
        <v>42</v>
      </c>
      <c r="O63" s="37">
        <v>6718</v>
      </c>
    </row>
    <row r="64" spans="1:15" ht="24" customHeight="1" x14ac:dyDescent="0.2">
      <c r="A64" s="38" t="s">
        <v>57</v>
      </c>
      <c r="B64" s="30">
        <v>143839</v>
      </c>
      <c r="C64" s="31">
        <v>3183</v>
      </c>
      <c r="D64" s="32">
        <v>32</v>
      </c>
      <c r="E64" s="33">
        <v>3215</v>
      </c>
      <c r="F64" s="32">
        <v>3622</v>
      </c>
      <c r="G64" s="32">
        <v>43</v>
      </c>
      <c r="H64" s="33">
        <v>3665</v>
      </c>
      <c r="I64" s="34">
        <v>6805</v>
      </c>
      <c r="J64" s="34">
        <v>75</v>
      </c>
      <c r="K64" s="35">
        <v>6880</v>
      </c>
      <c r="L64" s="32">
        <v>3375</v>
      </c>
      <c r="M64" s="32">
        <v>25</v>
      </c>
      <c r="N64" s="36">
        <v>35</v>
      </c>
      <c r="O64" s="37">
        <v>3435</v>
      </c>
    </row>
    <row r="65" spans="1:15" ht="24" customHeight="1" x14ac:dyDescent="0.2">
      <c r="A65" s="38" t="s">
        <v>58</v>
      </c>
      <c r="B65" s="30">
        <v>143847</v>
      </c>
      <c r="C65" s="31">
        <v>11088</v>
      </c>
      <c r="D65" s="32">
        <v>180</v>
      </c>
      <c r="E65" s="33">
        <v>11268</v>
      </c>
      <c r="F65" s="32">
        <v>12366</v>
      </c>
      <c r="G65" s="32">
        <v>265</v>
      </c>
      <c r="H65" s="33">
        <v>12631</v>
      </c>
      <c r="I65" s="34">
        <v>23454</v>
      </c>
      <c r="J65" s="34">
        <v>445</v>
      </c>
      <c r="K65" s="35">
        <v>23899</v>
      </c>
      <c r="L65" s="32">
        <v>12537</v>
      </c>
      <c r="M65" s="32">
        <v>261</v>
      </c>
      <c r="N65" s="36">
        <v>104</v>
      </c>
      <c r="O65" s="37">
        <v>12902</v>
      </c>
    </row>
    <row r="66" spans="1:15" ht="24" customHeight="1" x14ac:dyDescent="0.2">
      <c r="A66" s="38" t="s">
        <v>59</v>
      </c>
      <c r="B66" s="30">
        <v>144011</v>
      </c>
      <c r="C66" s="31">
        <v>18990</v>
      </c>
      <c r="D66" s="32">
        <v>1684</v>
      </c>
      <c r="E66" s="33">
        <v>20674</v>
      </c>
      <c r="F66" s="32">
        <v>17464</v>
      </c>
      <c r="G66" s="32">
        <v>1463</v>
      </c>
      <c r="H66" s="33">
        <v>18927</v>
      </c>
      <c r="I66" s="34">
        <v>36454</v>
      </c>
      <c r="J66" s="34">
        <v>3147</v>
      </c>
      <c r="K66" s="35">
        <v>39601</v>
      </c>
      <c r="L66" s="32">
        <v>16953</v>
      </c>
      <c r="M66" s="32">
        <v>1633</v>
      </c>
      <c r="N66" s="36">
        <v>315</v>
      </c>
      <c r="O66" s="37">
        <v>18901</v>
      </c>
    </row>
    <row r="67" spans="1:15" ht="24" customHeight="1" thickBot="1" x14ac:dyDescent="0.25">
      <c r="A67" s="51" t="s">
        <v>60</v>
      </c>
      <c r="B67" s="52">
        <v>144029</v>
      </c>
      <c r="C67" s="53">
        <v>1403</v>
      </c>
      <c r="D67" s="54">
        <v>28</v>
      </c>
      <c r="E67" s="55">
        <v>1431</v>
      </c>
      <c r="F67" s="54">
        <v>1356</v>
      </c>
      <c r="G67" s="54">
        <v>25</v>
      </c>
      <c r="H67" s="55">
        <v>1381</v>
      </c>
      <c r="I67" s="56">
        <v>2759</v>
      </c>
      <c r="J67" s="56">
        <v>53</v>
      </c>
      <c r="K67" s="57">
        <v>2812</v>
      </c>
      <c r="L67" s="54">
        <v>1219</v>
      </c>
      <c r="M67" s="54">
        <v>33</v>
      </c>
      <c r="N67" s="58">
        <v>8</v>
      </c>
      <c r="O67" s="59">
        <v>1260</v>
      </c>
    </row>
    <row r="68" spans="1:15" ht="24" customHeight="1" x14ac:dyDescent="0.2">
      <c r="A68" s="3" t="s">
        <v>73</v>
      </c>
    </row>
  </sheetData>
  <mergeCells count="6">
    <mergeCell ref="B4:B5"/>
    <mergeCell ref="C3:K3"/>
    <mergeCell ref="L3:O3"/>
    <mergeCell ref="C4:E4"/>
    <mergeCell ref="F4:H4"/>
    <mergeCell ref="I4:K4"/>
  </mergeCells>
  <phoneticPr fontId="2"/>
  <pageMargins left="0.78740157480314965" right="0.59055118110236227" top="0.55118110236220474" bottom="0.55118110236220474" header="0.31496062992125984" footer="0.31496062992125984"/>
  <pageSetup paperSize="9" scale="5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3-03T08:40:35Z</cp:lastPrinted>
  <dcterms:created xsi:type="dcterms:W3CDTF">2020-02-28T01:24:12Z</dcterms:created>
  <dcterms:modified xsi:type="dcterms:W3CDTF">2023-03-30T03:31:23Z</dcterms:modified>
</cp:coreProperties>
</file>